
<file path=[Content_Types].xml><?xml version="1.0" encoding="utf-8"?>
<Types xmlns="http://schemas.openxmlformats.org/package/2006/content-types">
  <Default Extension="bin" ContentType="application/vnd.openxmlformats-officedocument.spreadsheetml.printerSettings"/>
  <Default Extension="docx" ContentType="application/vnd.openxmlformats-officedocument.wordprocessingml.document"/>
  <Default Extension="emf" ContentType="image/x-emf"/>
  <Default Extension="rels" ContentType="application/vnd.openxmlformats-package.relationships+xml"/>
  <Default Extension="vml" ContentType="application/vnd.openxmlformats-officedocument.vmlDrawing"/>
  <Default Extension="xlsx" ContentType="application/vnd.openxmlformats-officedocument.spreadsheetml.sheet"/>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931"/>
  <workbookPr defaultThemeVersion="166925"/>
  <mc:AlternateContent xmlns:mc="http://schemas.openxmlformats.org/markup-compatibility/2006">
    <mc:Choice Requires="x15">
      <x15ac:absPath xmlns:x15ac="http://schemas.microsoft.com/office/spreadsheetml/2010/11/ac" url="C:\Users\s2024637\Desktop\"/>
    </mc:Choice>
  </mc:AlternateContent>
  <xr:revisionPtr revIDLastSave="0" documentId="8_{D15EB99A-D76A-479A-BE44-281F7B114930}" xr6:coauthVersionLast="47" xr6:coauthVersionMax="47" xr10:uidLastSave="{00000000-0000-0000-0000-000000000000}"/>
  <bookViews>
    <workbookView xWindow="-120" yWindow="-120" windowWidth="20730" windowHeight="11160" xr2:uid="{96FA8A28-4D59-4ABE-A8E0-81DCA369A883}"/>
  </bookViews>
  <sheets>
    <sheet name="Sheet1" sheetId="1"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sharedStrings.xml><?xml version="1.0" encoding="utf-8"?>
<sst xmlns="http://schemas.openxmlformats.org/spreadsheetml/2006/main" count="68" uniqueCount="67">
  <si>
    <t>May I please have the tender document RFP50/2022 as we cant find it on e-tenders.</t>
  </si>
  <si>
    <t xml:space="preserve">Question </t>
  </si>
  <si>
    <t>No</t>
  </si>
  <si>
    <t>Answer</t>
  </si>
  <si>
    <t>The tender documents for RFP 50/2021 are available on the SARS website, click on the link below. 
Published Tenders | South African Revenue Service (sars.gov.za)</t>
  </si>
  <si>
    <t>Main RFP document, Clause 5.1 and 5.4
Are there any clauses contained in the following acts and policies that would prevent large enterprises from submitting valid bids to SARS for this opportunity besides the 80/20 or 90/10 principle?
a. B-BBEE Act 53 of 2003
b. PPPF Act 5 of 2000,
SARS Preferential Procurement Policy published on 23 March 2022</t>
  </si>
  <si>
    <t xml:space="preserve">Clause 6.1 on page 12 to 17 of Clause 6.5.4 of the Main RFP document,
Mention is made in point 6 Licence Renewal, COFs, and Registration of “Evidence of how cards will be distributed nationally or evidence of an account with reputable courier company to distribute the licences nationally”.
•	Would it be correct to assume that this refers to driver’s licence renewals and that this is also part of the scope of services?
Main document - Clause 5.3 SARS eSourcing
It is not clear how bids should be submitted via the SARS eSourcing portal.
•	May bidders submit via e-mail? 
If so, what is the maximum size of e-mails that SARS can accept?
</t>
  </si>
  <si>
    <t>Scope of Services
•	Clause 1 Background
•	Clause 2.1 Fleet Management advisory services
Clause 2.7 Vehicle registration, licensing and compliance certificates
We understand from this document that SARS owns its current fleet. We also understand that the winning bidder will make recommendations on future vehicle selections during the contract period and be responsible for new vehicle registrations. 
Is it the intention of SARS to continue owning new vehicle acquisitions, or will SARS consider leasing instead?</t>
  </si>
  <si>
    <t>Scope of Services
•	Clause 1 Background
Clause 2.11 Telematics (vehicle tracking)
Apart from tracking system training to staff and drivers of SAR, would the winning bidder be responsible for driver training programmes to improve driver behaviour?</t>
  </si>
  <si>
    <t>Pricing sheet
The pricing sheet makes mention of Core Manager for speed boats and quad bikes, yet only motorcycles are listed. 
•	Are they the quad bikes, or are the quad bikes listed somewhere else in the RFP document?
•	If the quad bikes are separate from the motorbikes, how many quad bikes does SARS have, and 
o	may bidders amend the pricing sheet to include the quad bikes?</t>
  </si>
  <si>
    <t>Scope of Services
Clause 2.5 Fleet insurance, accident management and repairs
The scope under this heading clearly defines what is expected i.t.o. accident/incident and claims management, however, no mention except in the heading refers to fleet insurance.
•	Is fleet insurance required? 
•	If so, please clarify
o	What the total value of the current fleet is?
o	May you please submit your insurance claims history for the last three years?
o	Which type of insurance is required, i.e. comprehensive insurance, or is the SARS fleet self-insured and a stop loss is required?</t>
  </si>
  <si>
    <t>Scope of services
•	Clause 2.11 Telematics
•	Clause 2.13 Driver identification management system
Versus
Main RFP document
•	Clause 6.5.4 Desktop Technical evaluation (p 13 to 15)
Mention is made in the scope of services of a transition plan. 
•	Should bidders include transition plans in their bid responses for the desktop evaluation?</t>
  </si>
  <si>
    <t>Scope of services
•	Clause 2.11 Telematics
•	Clause 2.15 call centre
•	Would cross-border stolen vehicle recovery be required? If so, which countries would it include?
•	SARS requires that bidders provide roadside assistance and emergency services for local and cross-border travels. 
o	Could SARS name the countries to be included in this cross-border service?</t>
  </si>
  <si>
    <t>Scope of services
2.19 Fleet data integrator/ management reports
Mention is made of “tag reader status reports”. 
•	May SARS please indicate which tags are being referred to?</t>
  </si>
  <si>
    <t xml:space="preserve">Please note that the tender is open to all types of entities hence there are no restrictions on the documents communicated to the bidders such as mandatory prequalification requirements. </t>
  </si>
  <si>
    <t xml:space="preserve">Please advise on the Number of drivers within SARS </t>
  </si>
  <si>
    <t xml:space="preserve">
</t>
  </si>
  <si>
    <t xml:space="preserve">Please note we would like to confirm if the briefing session has been moved to an alternate date and time? We have joined this morning, however awaited for the meeting to commence. 
Looking forward to you response in this regard. </t>
  </si>
  <si>
    <t>The briefing session was held on 29 April 2022 at 11h00 as per communicated on the eTender and main RFP. 
Bidders who could not attend, the briefing session presentation will be available on SARS website under RFP 50/2021. 
If you have any questions relating to the matter, please liaise with Tender Office</t>
  </si>
  <si>
    <t xml:space="preserve">The South African electronics manufacturing industries is in dire straits, and SARS as a key SOE is surely supporting local industries and job creation.
Are there any preferential scoring points for locally manufactured products?
</t>
  </si>
  <si>
    <t>Scope of Services, Classification of vehicles owned by SARS on page 23
Can SARS please provide a report per vehicle classification indicating the age of each vehicle?</t>
  </si>
  <si>
    <t xml:space="preserve">SARS supports local manufacturing as it creates job for South Africans which contributes significantly on tax collection. 
Unfortunately for the purposes of this tender, there will be no preferential points for electronics. 
</t>
  </si>
  <si>
    <t>Herewith attached a detailed report as requested:
•	Vehicle description and category
•	Additional Fleet related assets as per existing contract
o	Trailers
o	Golfcarts
o	Motorcycles
o	Forklifts
o	Mobile platform (Cherry Pickers)
o	Watercraft
o	Truck mobile (Cargo Scanner)
o	Generators fitted to Mobile Tax Units (MTU)
•	Year model and age
•	Current location per region</t>
  </si>
  <si>
    <t>Fleet Africa</t>
  </si>
  <si>
    <t>Please advise do we need to provide acceptance of the tender in writing?</t>
  </si>
  <si>
    <t xml:space="preserve">Acceptence of tender is not required in writing by submitting the tender proposal within the communicated timeframes it means you have accepted all the conditions of the tender. </t>
  </si>
  <si>
    <t>•	Split of volumes between petrol and diesel vehicles</t>
  </si>
  <si>
    <t>Currently they are 3582 but there are still driver applications request coming through weekly</t>
  </si>
  <si>
    <t>324 Diesel and 644 Petrol .</t>
  </si>
  <si>
    <t>Detailed Maintenance &amp; Repair history as well as monthly spend</t>
  </si>
  <si>
    <t xml:space="preserve">The tender documents can be downloaded from the SARS website. 
Please use this link Published Tenders | South African Revenue Service (sars.gov.za)
</t>
  </si>
  <si>
    <t>Are there any Short Term rental requirements from SARS</t>
  </si>
  <si>
    <t xml:space="preserve">With regards to Proof of registration with SANRAL for E-Tolls, if the bidder uses a 3rd party, can we then submitted the 3rd party’s proof of registration with SANRAL. </t>
  </si>
  <si>
    <t xml:space="preserve">I would like to request for the full scope or full details outlining the required provision of services requested for with regards to the attached (RFP50_2021) invitation to tender document please.
</t>
  </si>
  <si>
    <t>Must bidders make use of the online portal for submission.</t>
  </si>
  <si>
    <t xml:space="preserve">Yes, the third-party proof can be submitted for this purpose. SARS is not registered with SANRAL and therefore does not have a SANRAL TCH account. We have therefore opted to use the appointed fleet service provider’s TCH account or that of their third party. No SARS vehicle’s etolls must be processed through the VPC account. </t>
  </si>
  <si>
    <t>No, this is outside the scope of this tender</t>
  </si>
  <si>
    <t xml:space="preserve">Yes Bidders are expected to answer all questions on the response template </t>
  </si>
  <si>
    <t xml:space="preserve">Bidders are welcom to submit via eSourcing system </t>
  </si>
  <si>
    <t>The current contract is ending in March 2023.</t>
  </si>
  <si>
    <t xml:space="preserve">With regards to the scope of work, must bidders respond to every point under each section or completion of Annexure A3 covers that
 </t>
  </si>
  <si>
    <t xml:space="preserve">The bidding company must provide SARS with 3 different soultions. SARS will onley deal with one company who submitted a bid proposal. </t>
  </si>
  <si>
    <t xml:space="preserve">With regards to Scope of Work, page 10, Clause 2.11 the RFP refers:
The service provider must propose a minimum of 3 different telematics tracking solutions detailing cost and functionality so that SARS has an option to select what the best product would be suitable for its own purposes 
Clarification Questions:
Is SARS looking for 3 Different Telematic Suppliers or One Supplier with 3 Solutions? </t>
  </si>
  <si>
    <t>With regards to Scope of Work, page 14, Clause 2.12 the RFP refers:
In order for the fines to be administered, the postal address on all vehicles will be changed from SARS to appointed Fleet Management company with a delegated representative. 
The systems should be linked to the AARTO system, and all other Traffic Authorities nationally are followed under Traffic Act no. 93 of 1996 and to ensure that SARS complies accordingly. The appointment of a representative to act as indicated on behalf of SARS as required by the provisions of Regulations 336(1) of the National Road Traffic Act no. 93 of 1996. 
Clarification Questions:
1.	Why do SARS require Bidders to be representatives as fines are issued in the name of the proxy and not the representative? 
2.	Can SARS kindly clarify what they define as a representative?</t>
  </si>
  <si>
    <t>Although fines are issued in the name of the proxy who is a SARS official, it makes an administration process easier as the fines are sent directly to the representative(appointed service provider) to manage the traffic fines process end-to-end, and also for the representative to draw such fines from the authorities ‘systems as may be required. As per the scope of service, the representative would be required to redirect the fines to responsible drivers.
The National Road Traffic Act 93 of 1996, as amended continuously makes reference to a proxy or representative.
SARS   has its own appointed Proxy who is registered on the SARS Business Registration Number (BRN) and also carries such  duties such registration and licencing of new vehicles etc, 
SARS has however always and currently appointed the Fleet Management Service Provider as a Representative to manage the traffic fines end to end even if the traffic fines are issued against SARS BRN.</t>
  </si>
  <si>
    <t>The quantities of SARS fleet differ between the Scope of Service document and the Pricing template. Must we use the quantities on the pricing schedule</t>
  </si>
  <si>
    <t>On the pricing template under Table 6 Tracking Device: Is guarantee in relation to the Warranty of the Unit or is this something else.</t>
  </si>
  <si>
    <t xml:space="preserve">Onsite consultant. Just to confirm only 1 consultant to assist all regions. </t>
  </si>
  <si>
    <t>3 years claims history (Insurance)</t>
  </si>
  <si>
    <t>Must bidders provide 3 options for Tracking or only provide 1 option that best suits SARS requirements as the pricing template only caters for 1 option</t>
  </si>
  <si>
    <t>Monthly Fuel spend over a period of a year</t>
  </si>
  <si>
    <t>Yes confirmed, only one dedicated Consultant based at SARS Head Office in Pretoria to assist all regions however most queries from the regions are send directly to SARS Fleet Management department at Head Office or alternatively to the Fleet Management Service provider Call Centre.</t>
  </si>
  <si>
    <t xml:space="preserve">SARS has its own Insurance service provider however the bidder is expected to facilitate and manage the insurance claim process on behalf of SARS and directly with the Insurer.
</t>
  </si>
  <si>
    <t>Term of Current Service Provider, when is the contract ending?</t>
  </si>
  <si>
    <t>Current Service Provider?</t>
  </si>
  <si>
    <t xml:space="preserve">Currently SARS drivers utilise Drivers tags and receivers a status report for each tag linked to a driver. However, the appointed Service Provider should be able to provide relevant reports linked to each driver identification device which can be a tag, card, biometrics,  etc </t>
  </si>
  <si>
    <t>Yes, the appointed Fleet Management Service provider should provide tracking and recovery service both locally and cross border.
Botswana, Lesotho, Swaziland, Namibia, Mozambique and Zimbabwe</t>
  </si>
  <si>
    <t>Yes , Bidders can include the transition plan for desk evaluation.</t>
  </si>
  <si>
    <t>SARS has its own Insurance service provider. The appointed Fleet service provider will exchange information with respect to all claims however SARS has an internal Insurance department that engages directly with the appointed Insurance service provider. 
The rest of the questions are therefore not applicable as SARS is self-insured.</t>
  </si>
  <si>
    <t xml:space="preserve">The scope of service does mention quadbikes, please see below screen-print of that section. 
Bidders MUST not amend the provided pricing template, if they have additional information relating to their pricing propels, bidders are welcome to submit such information on their company letterhead. </t>
  </si>
  <si>
    <t>Training to SARS staff or drivers relates specifically to the service providers systems and processes. Any training programmes to improve driver behaviour are therefore out of scope of this tender.</t>
  </si>
  <si>
    <t>The intention of SARS is to continue to own its own vehicles and therefore leasing falls outside the scope of this tender.</t>
  </si>
  <si>
    <t>Drivers licence renewals are excluded from scope of service. 
The licence renewals refer to SARS Fleet renewals.
Please click on the link provided, it will provide details on how to register on eSourcing and submit. If you still experience challenges, please let us know so that one of our SAP consultants can provide assistance. 
Link eSourcing | South African Revenue Service (sars.gov.za)</t>
  </si>
  <si>
    <t>RFP 50/2021: PROVISION OF FLEET MANAGEMENT SERVICES FOR A PERIOD OF FIVE (5) YEARS</t>
  </si>
  <si>
    <t xml:space="preserve"> The Gurantee is in relation to the unit</t>
  </si>
  <si>
    <t>Bidders to use the quantities on the pricing template</t>
  </si>
  <si>
    <t>The bidder can provide the additional two options on a separate letter in their company letter head</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 x14ac:knownFonts="1">
    <font>
      <sz val="11"/>
      <color theme="1"/>
      <name val="Calibri"/>
      <family val="2"/>
      <scheme val="minor"/>
    </font>
    <font>
      <b/>
      <sz val="11"/>
      <color theme="1"/>
      <name val="Calibri"/>
      <family val="2"/>
      <scheme val="minor"/>
    </font>
    <font>
      <sz val="11"/>
      <name val="Calibri"/>
      <family val="2"/>
      <scheme val="minor"/>
    </font>
  </fonts>
  <fills count="4">
    <fill>
      <patternFill patternType="none"/>
    </fill>
    <fill>
      <patternFill patternType="gray125"/>
    </fill>
    <fill>
      <patternFill patternType="solid">
        <fgColor theme="0" tint="-0.249977111117893"/>
        <bgColor indexed="64"/>
      </patternFill>
    </fill>
    <fill>
      <patternFill patternType="solid">
        <fgColor theme="0"/>
        <bgColor indexed="64"/>
      </patternFill>
    </fill>
  </fills>
  <borders count="2">
    <border>
      <left/>
      <right/>
      <top/>
      <bottom/>
      <diagonal/>
    </border>
    <border>
      <left style="thin">
        <color indexed="64"/>
      </left>
      <right style="thin">
        <color indexed="64"/>
      </right>
      <top style="thin">
        <color indexed="64"/>
      </top>
      <bottom style="thin">
        <color indexed="64"/>
      </bottom>
      <diagonal/>
    </border>
  </borders>
  <cellStyleXfs count="1">
    <xf numFmtId="0" fontId="0" fillId="0" borderId="0"/>
  </cellStyleXfs>
  <cellXfs count="9">
    <xf numFmtId="0" fontId="0" fillId="0" borderId="0" xfId="0"/>
    <xf numFmtId="0" fontId="0" fillId="0" borderId="0" xfId="0" applyAlignment="1">
      <alignment vertical="center"/>
    </xf>
    <xf numFmtId="0" fontId="0" fillId="0" borderId="1" xfId="0" applyBorder="1" applyAlignment="1">
      <alignment vertical="center" wrapText="1"/>
    </xf>
    <xf numFmtId="0" fontId="0" fillId="0" borderId="1" xfId="0" applyBorder="1" applyAlignment="1">
      <alignment vertical="center"/>
    </xf>
    <xf numFmtId="0" fontId="1" fillId="0" borderId="0" xfId="0" applyFont="1" applyAlignment="1">
      <alignment vertical="center"/>
    </xf>
    <xf numFmtId="0" fontId="1" fillId="2" borderId="1" xfId="0" applyFont="1" applyFill="1" applyBorder="1" applyAlignment="1">
      <alignment vertical="center"/>
    </xf>
    <xf numFmtId="0" fontId="2" fillId="0" borderId="1" xfId="0" applyFont="1" applyBorder="1" applyAlignment="1">
      <alignment vertical="center" wrapText="1"/>
    </xf>
    <xf numFmtId="0" fontId="0" fillId="3" borderId="1" xfId="0" applyFill="1" applyBorder="1" applyAlignment="1">
      <alignment vertical="center"/>
    </xf>
    <xf numFmtId="0" fontId="0" fillId="3" borderId="1" xfId="0" applyFill="1" applyBorder="1" applyAlignment="1">
      <alignment vertical="center" wrapText="1"/>
    </xf>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vmlDrawing1.vml.rels><?xml version="1.0" encoding="UTF-8" standalone="yes"?>
<Relationships xmlns="http://schemas.openxmlformats.org/package/2006/relationships"><Relationship Id="rId3" Type="http://schemas.openxmlformats.org/officeDocument/2006/relationships/image" Target="../media/image3.emf"/><Relationship Id="rId2" Type="http://schemas.openxmlformats.org/officeDocument/2006/relationships/image" Target="../media/image2.emf"/><Relationship Id="rId1" Type="http://schemas.openxmlformats.org/officeDocument/2006/relationships/image" Target="../media/image1.emf"/><Relationship Id="rId5" Type="http://schemas.openxmlformats.org/officeDocument/2006/relationships/image" Target="../media/image5.emf"/><Relationship Id="rId4" Type="http://schemas.openxmlformats.org/officeDocument/2006/relationships/image" Target="../media/image4.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514350</xdr:colOff>
          <xdr:row>17</xdr:row>
          <xdr:rowOff>228600</xdr:rowOff>
        </xdr:from>
        <xdr:to>
          <xdr:col>3</xdr:col>
          <xdr:colOff>1428750</xdr:colOff>
          <xdr:row>17</xdr:row>
          <xdr:rowOff>914400</xdr:rowOff>
        </xdr:to>
        <xdr:sp macro="" textlink="">
          <xdr:nvSpPr>
            <xdr:cNvPr id="1025" name="Object 1" hidden="1">
              <a:extLst>
                <a:ext uri="{63B3BB69-23CF-44E3-9099-C40C66FF867C}">
                  <a14:compatExt spid="_x0000_s1025"/>
                </a:ext>
                <a:ext uri="{FF2B5EF4-FFF2-40B4-BE49-F238E27FC236}">
                  <a16:creationId xmlns:a16="http://schemas.microsoft.com/office/drawing/2014/main" id="{00000000-0008-0000-0000-000001040000}"/>
                </a:ext>
              </a:extLst>
            </xdr:cNvPr>
            <xdr:cNvSpPr/>
          </xdr:nvSpPr>
          <xdr:spPr bwMode="auto">
            <a:xfrm>
              <a:off x="0" y="0"/>
              <a:ext cx="0" cy="0"/>
            </a:xfrm>
            <a:prstGeom prst="rect">
              <a:avLst/>
            </a:prstGeom>
            <a:solidFill>
              <a:srgbClr val="FFFFFF" mc:Ignorable="a14" a14:legacySpreadsheetColorIndex="65"/>
            </a:solidFill>
            <a:ln w="9525">
              <a:solidFill>
                <a:srgbClr val="000000" mc:Ignorable="a14" a14:legacySpreadsheetColorIndex="64"/>
              </a:solidFill>
              <a:miter lim="800000"/>
              <a:headEnd/>
              <a:tailEnd/>
            </a:ln>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323975</xdr:colOff>
          <xdr:row>26</xdr:row>
          <xdr:rowOff>76200</xdr:rowOff>
        </xdr:from>
        <xdr:to>
          <xdr:col>3</xdr:col>
          <xdr:colOff>2238375</xdr:colOff>
          <xdr:row>26</xdr:row>
          <xdr:rowOff>762000</xdr:rowOff>
        </xdr:to>
        <xdr:sp macro="" textlink="">
          <xdr:nvSpPr>
            <xdr:cNvPr id="1026" name="Object 2" hidden="1">
              <a:extLst>
                <a:ext uri="{63B3BB69-23CF-44E3-9099-C40C66FF867C}">
                  <a14:compatExt spid="_x0000_s1026"/>
                </a:ext>
                <a:ext uri="{FF2B5EF4-FFF2-40B4-BE49-F238E27FC236}">
                  <a16:creationId xmlns:a16="http://schemas.microsoft.com/office/drawing/2014/main" id="{00000000-0008-0000-0000-000002040000}"/>
                </a:ext>
              </a:extLst>
            </xdr:cNvPr>
            <xdr:cNvSpPr/>
          </xdr:nvSpPr>
          <xdr:spPr bwMode="auto">
            <a:xfrm>
              <a:off x="0" y="0"/>
              <a:ext cx="0" cy="0"/>
            </a:xfrm>
            <a:prstGeom prst="rect">
              <a:avLst/>
            </a:prstGeom>
            <a:solidFill>
              <a:srgbClr val="FFFFFF" mc:Ignorable="a14" a14:legacySpreadsheetColorIndex="65"/>
            </a:solidFill>
            <a:ln w="9525">
              <a:solidFill>
                <a:srgbClr val="000000" mc:Ignorable="a14" a14:legacySpreadsheetColorIndex="64"/>
              </a:solidFill>
              <a:miter lim="800000"/>
              <a:headEnd/>
              <a:tailEnd/>
            </a:ln>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733425</xdr:colOff>
          <xdr:row>18</xdr:row>
          <xdr:rowOff>323850</xdr:rowOff>
        </xdr:from>
        <xdr:to>
          <xdr:col>3</xdr:col>
          <xdr:colOff>1581150</xdr:colOff>
          <xdr:row>18</xdr:row>
          <xdr:rowOff>1009650</xdr:rowOff>
        </xdr:to>
        <xdr:sp macro="" textlink="">
          <xdr:nvSpPr>
            <xdr:cNvPr id="1027" name="Object 3" hidden="1">
              <a:extLst>
                <a:ext uri="{63B3BB69-23CF-44E3-9099-C40C66FF867C}">
                  <a14:compatExt spid="_x0000_s1027"/>
                </a:ext>
                <a:ext uri="{FF2B5EF4-FFF2-40B4-BE49-F238E27FC236}">
                  <a16:creationId xmlns:a16="http://schemas.microsoft.com/office/drawing/2014/main" id="{00000000-0008-0000-0000-000003040000}"/>
                </a:ext>
              </a:extLst>
            </xdr:cNvPr>
            <xdr:cNvSpPr/>
          </xdr:nvSpPr>
          <xdr:spPr bwMode="auto">
            <a:xfrm>
              <a:off x="0" y="0"/>
              <a:ext cx="0" cy="0"/>
            </a:xfrm>
            <a:prstGeom prst="rect">
              <a:avLst/>
            </a:prstGeom>
            <a:solidFill>
              <a:srgbClr val="FFFFFF" mc:Ignorable="a14" a14:legacySpreadsheetColorIndex="65"/>
            </a:solidFill>
            <a:ln w="9525">
              <a:solidFill>
                <a:srgbClr val="000000" mc:Ignorable="a14" a14:legacySpreadsheetColorIndex="64"/>
              </a:solidFill>
              <a:miter lim="800000"/>
              <a:headEnd/>
              <a:tailEnd/>
            </a:ln>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04825</xdr:colOff>
          <xdr:row>32</xdr:row>
          <xdr:rowOff>228600</xdr:rowOff>
        </xdr:from>
        <xdr:to>
          <xdr:col>3</xdr:col>
          <xdr:colOff>2152650</xdr:colOff>
          <xdr:row>32</xdr:row>
          <xdr:rowOff>1466850</xdr:rowOff>
        </xdr:to>
        <xdr:sp macro="" textlink="">
          <xdr:nvSpPr>
            <xdr:cNvPr id="1028" name="Object 4" hidden="1">
              <a:extLst>
                <a:ext uri="{63B3BB69-23CF-44E3-9099-C40C66FF867C}">
                  <a14:compatExt spid="_x0000_s1028"/>
                </a:ext>
                <a:ext uri="{FF2B5EF4-FFF2-40B4-BE49-F238E27FC236}">
                  <a16:creationId xmlns:a16="http://schemas.microsoft.com/office/drawing/2014/main" id="{00000000-0008-0000-0000-000004040000}"/>
                </a:ext>
              </a:extLst>
            </xdr:cNvPr>
            <xdr:cNvSpPr/>
          </xdr:nvSpPr>
          <xdr:spPr bwMode="auto">
            <a:xfrm>
              <a:off x="0" y="0"/>
              <a:ext cx="0" cy="0"/>
            </a:xfrm>
            <a:prstGeom prst="rect">
              <a:avLst/>
            </a:prstGeom>
            <a:solidFill>
              <a:srgbClr val="FFFFFF" mc:Ignorable="a14" a14:legacySpreadsheetColorIndex="65"/>
            </a:solidFill>
            <a:ln w="9525">
              <a:solidFill>
                <a:srgbClr val="000000" mc:Ignorable="a14" a14:legacySpreadsheetColorIndex="64"/>
              </a:solidFill>
              <a:miter lim="800000"/>
              <a:headEnd/>
              <a:tailEnd/>
            </a:ln>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390650</xdr:colOff>
          <xdr:row>20</xdr:row>
          <xdr:rowOff>1419225</xdr:rowOff>
        </xdr:from>
        <xdr:to>
          <xdr:col>3</xdr:col>
          <xdr:colOff>3057525</xdr:colOff>
          <xdr:row>20</xdr:row>
          <xdr:rowOff>2676525</xdr:rowOff>
        </xdr:to>
        <xdr:sp macro="" textlink="">
          <xdr:nvSpPr>
            <xdr:cNvPr id="1029" name="Object 5" hidden="1">
              <a:extLst>
                <a:ext uri="{63B3BB69-23CF-44E3-9099-C40C66FF867C}">
                  <a14:compatExt spid="_x0000_s1029"/>
                </a:ext>
                <a:ext uri="{FF2B5EF4-FFF2-40B4-BE49-F238E27FC236}">
                  <a16:creationId xmlns:a16="http://schemas.microsoft.com/office/drawing/2014/main" id="{00000000-0008-0000-0000-000005040000}"/>
                </a:ext>
              </a:extLst>
            </xdr:cNvPr>
            <xdr:cNvSpPr/>
          </xdr:nvSpPr>
          <xdr:spPr bwMode="auto">
            <a:xfrm>
              <a:off x="0" y="0"/>
              <a:ext cx="0" cy="0"/>
            </a:xfrm>
            <a:prstGeom prst="rect">
              <a:avLst/>
            </a:prstGeom>
            <a:solidFill>
              <a:srgbClr val="FFFFFF" mc:Ignorable="a14" a14:legacySpreadsheetColorIndex="65"/>
            </a:solidFill>
            <a:ln w="9525">
              <a:solidFill>
                <a:srgbClr val="000000" mc:Ignorable="a14" a14:legacySpreadsheetColorIndex="64"/>
              </a:solidFill>
              <a:miter lim="800000"/>
              <a:headEnd/>
              <a:tailEnd/>
            </a:ln>
          </xdr:spPr>
        </xdr:sp>
        <xdr:clientData/>
      </xdr:twoCellAnchor>
    </mc:Choice>
    <mc:Fallback/>
  </mc:AlternateContent>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package" Target="../embeddings/Microsoft_Excel_Worksheet1.xlsx"/><Relationship Id="rId13" Type="http://schemas.openxmlformats.org/officeDocument/2006/relationships/image" Target="../media/image5.emf"/><Relationship Id="rId3" Type="http://schemas.openxmlformats.org/officeDocument/2006/relationships/vmlDrawing" Target="../drawings/vmlDrawing1.vml"/><Relationship Id="rId7" Type="http://schemas.openxmlformats.org/officeDocument/2006/relationships/image" Target="../media/image2.emf"/><Relationship Id="rId12" Type="http://schemas.openxmlformats.org/officeDocument/2006/relationships/package" Target="../embeddings/Microsoft_Excel_Worksheet3.xlsx"/><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package" Target="../embeddings/Microsoft_Excel_Worksheet.xlsx"/><Relationship Id="rId11" Type="http://schemas.openxmlformats.org/officeDocument/2006/relationships/image" Target="../media/image4.emf"/><Relationship Id="rId5" Type="http://schemas.openxmlformats.org/officeDocument/2006/relationships/image" Target="../media/image1.emf"/><Relationship Id="rId10" Type="http://schemas.openxmlformats.org/officeDocument/2006/relationships/package" Target="../embeddings/Microsoft_Excel_Worksheet2.xlsx"/><Relationship Id="rId4" Type="http://schemas.openxmlformats.org/officeDocument/2006/relationships/package" Target="../embeddings/Microsoft_Word_Document.docx"/><Relationship Id="rId9" Type="http://schemas.openxmlformats.org/officeDocument/2006/relationships/image" Target="../media/image3.emf"/></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9FE6DD3-E126-4C51-8714-E436EA222A5B}">
  <dimension ref="B3:D38"/>
  <sheetViews>
    <sheetView showGridLines="0" tabSelected="1" topLeftCell="A13" zoomScale="70" zoomScaleNormal="70" workbookViewId="0">
      <selection activeCell="J19" sqref="J19"/>
    </sheetView>
  </sheetViews>
  <sheetFormatPr defaultColWidth="9.140625" defaultRowHeight="15" x14ac:dyDescent="0.25"/>
  <cols>
    <col min="1" max="1" width="9.140625" style="1"/>
    <col min="2" max="2" width="7" style="1" customWidth="1"/>
    <col min="3" max="3" width="141.28515625" style="1" customWidth="1"/>
    <col min="4" max="4" width="82" style="1" customWidth="1"/>
    <col min="5" max="16384" width="9.140625" style="1"/>
  </cols>
  <sheetData>
    <row r="3" spans="2:4" x14ac:dyDescent="0.25">
      <c r="C3" s="4" t="s">
        <v>63</v>
      </c>
    </row>
    <row r="5" spans="2:4" ht="22.5" customHeight="1" x14ac:dyDescent="0.25">
      <c r="B5" s="5" t="s">
        <v>2</v>
      </c>
      <c r="C5" s="5" t="s">
        <v>1</v>
      </c>
      <c r="D5" s="5" t="s">
        <v>3</v>
      </c>
    </row>
    <row r="6" spans="2:4" ht="60" x14ac:dyDescent="0.25">
      <c r="B6" s="3">
        <v>1</v>
      </c>
      <c r="C6" s="2" t="s">
        <v>0</v>
      </c>
      <c r="D6" s="2" t="s">
        <v>4</v>
      </c>
    </row>
    <row r="7" spans="2:4" ht="135" x14ac:dyDescent="0.25">
      <c r="B7" s="3">
        <v>2</v>
      </c>
      <c r="C7" s="2" t="s">
        <v>5</v>
      </c>
      <c r="D7" s="6" t="s">
        <v>14</v>
      </c>
    </row>
    <row r="8" spans="2:4" ht="255" x14ac:dyDescent="0.25">
      <c r="B8" s="3">
        <v>3</v>
      </c>
      <c r="C8" s="2" t="s">
        <v>6</v>
      </c>
      <c r="D8" s="2" t="s">
        <v>62</v>
      </c>
    </row>
    <row r="9" spans="2:4" ht="165" x14ac:dyDescent="0.25">
      <c r="B9" s="3">
        <v>4</v>
      </c>
      <c r="C9" s="2" t="s">
        <v>7</v>
      </c>
      <c r="D9" s="2" t="s">
        <v>61</v>
      </c>
    </row>
    <row r="10" spans="2:4" ht="90" x14ac:dyDescent="0.25">
      <c r="B10" s="3">
        <v>5</v>
      </c>
      <c r="C10" s="2" t="s">
        <v>8</v>
      </c>
      <c r="D10" s="2" t="s">
        <v>60</v>
      </c>
    </row>
    <row r="11" spans="2:4" ht="105" x14ac:dyDescent="0.25">
      <c r="B11" s="3">
        <v>6</v>
      </c>
      <c r="C11" s="2" t="s">
        <v>9</v>
      </c>
      <c r="D11" s="2" t="s">
        <v>59</v>
      </c>
    </row>
    <row r="12" spans="2:4" ht="180" x14ac:dyDescent="0.25">
      <c r="B12" s="3">
        <v>7</v>
      </c>
      <c r="C12" s="2" t="s">
        <v>10</v>
      </c>
      <c r="D12" s="2" t="s">
        <v>58</v>
      </c>
    </row>
    <row r="13" spans="2:4" ht="150" x14ac:dyDescent="0.25">
      <c r="B13" s="3">
        <v>8</v>
      </c>
      <c r="C13" s="2" t="s">
        <v>11</v>
      </c>
      <c r="D13" s="3" t="s">
        <v>57</v>
      </c>
    </row>
    <row r="14" spans="2:4" ht="120" x14ac:dyDescent="0.25">
      <c r="B14" s="3">
        <v>9</v>
      </c>
      <c r="C14" s="2" t="s">
        <v>12</v>
      </c>
      <c r="D14" s="2" t="s">
        <v>56</v>
      </c>
    </row>
    <row r="15" spans="2:4" ht="75" x14ac:dyDescent="0.25">
      <c r="B15" s="3">
        <v>10</v>
      </c>
      <c r="C15" s="2" t="s">
        <v>13</v>
      </c>
      <c r="D15" s="2" t="s">
        <v>55</v>
      </c>
    </row>
    <row r="16" spans="2:4" x14ac:dyDescent="0.25">
      <c r="B16" s="3">
        <v>13</v>
      </c>
      <c r="C16" s="3" t="s">
        <v>54</v>
      </c>
      <c r="D16" s="3" t="s">
        <v>23</v>
      </c>
    </row>
    <row r="17" spans="2:4" x14ac:dyDescent="0.25">
      <c r="B17" s="3">
        <v>14</v>
      </c>
      <c r="C17" s="3" t="s">
        <v>53</v>
      </c>
      <c r="D17" s="3" t="s">
        <v>39</v>
      </c>
    </row>
    <row r="18" spans="2:4" ht="120" x14ac:dyDescent="0.25">
      <c r="B18" s="3">
        <v>15</v>
      </c>
      <c r="C18" s="3" t="s">
        <v>15</v>
      </c>
      <c r="D18" s="2" t="s">
        <v>16</v>
      </c>
    </row>
    <row r="19" spans="2:4" ht="100.5" customHeight="1" x14ac:dyDescent="0.25">
      <c r="B19" s="3">
        <v>17</v>
      </c>
      <c r="C19" s="3" t="s">
        <v>50</v>
      </c>
      <c r="D19" s="3"/>
    </row>
    <row r="20" spans="2:4" ht="60.75" customHeight="1" x14ac:dyDescent="0.25">
      <c r="B20" s="3">
        <v>18</v>
      </c>
      <c r="C20" s="2" t="s">
        <v>49</v>
      </c>
      <c r="D20" s="8" t="s">
        <v>66</v>
      </c>
    </row>
    <row r="21" spans="2:4" ht="243" customHeight="1" x14ac:dyDescent="0.25">
      <c r="B21" s="3">
        <v>19</v>
      </c>
      <c r="C21" s="3" t="s">
        <v>48</v>
      </c>
      <c r="D21" s="2" t="s">
        <v>52</v>
      </c>
    </row>
    <row r="22" spans="2:4" ht="75.75" customHeight="1" x14ac:dyDescent="0.25">
      <c r="B22" s="3">
        <v>20</v>
      </c>
      <c r="C22" s="3" t="s">
        <v>47</v>
      </c>
      <c r="D22" s="2" t="s">
        <v>51</v>
      </c>
    </row>
    <row r="23" spans="2:4" ht="30.75" customHeight="1" x14ac:dyDescent="0.25">
      <c r="B23" s="3">
        <v>21</v>
      </c>
      <c r="C23" s="2" t="s">
        <v>45</v>
      </c>
      <c r="D23" s="7" t="s">
        <v>65</v>
      </c>
    </row>
    <row r="24" spans="2:4" ht="49.5" customHeight="1" x14ac:dyDescent="0.25">
      <c r="B24" s="3">
        <v>22</v>
      </c>
      <c r="C24" s="3" t="s">
        <v>46</v>
      </c>
      <c r="D24" s="7" t="s">
        <v>64</v>
      </c>
    </row>
    <row r="25" spans="2:4" ht="105" x14ac:dyDescent="0.25">
      <c r="B25" s="3">
        <v>23</v>
      </c>
      <c r="C25" s="2" t="s">
        <v>17</v>
      </c>
      <c r="D25" s="2" t="s">
        <v>18</v>
      </c>
    </row>
    <row r="26" spans="2:4" ht="100.5" customHeight="1" x14ac:dyDescent="0.25">
      <c r="B26" s="3">
        <v>24</v>
      </c>
      <c r="C26" s="2" t="s">
        <v>19</v>
      </c>
      <c r="D26" s="2" t="s">
        <v>21</v>
      </c>
    </row>
    <row r="27" spans="2:4" ht="349.5" customHeight="1" x14ac:dyDescent="0.25">
      <c r="B27" s="3">
        <v>25</v>
      </c>
      <c r="C27" s="2" t="s">
        <v>20</v>
      </c>
      <c r="D27" s="2" t="s">
        <v>22</v>
      </c>
    </row>
    <row r="28" spans="2:4" ht="270" x14ac:dyDescent="0.25">
      <c r="B28" s="3">
        <v>26</v>
      </c>
      <c r="C28" s="2" t="s">
        <v>43</v>
      </c>
      <c r="D28" s="2" t="s">
        <v>44</v>
      </c>
    </row>
    <row r="29" spans="2:4" ht="45" x14ac:dyDescent="0.25">
      <c r="B29" s="3">
        <v>27</v>
      </c>
      <c r="C29" s="3" t="s">
        <v>24</v>
      </c>
      <c r="D29" s="2" t="s">
        <v>25</v>
      </c>
    </row>
    <row r="30" spans="2:4" ht="120" x14ac:dyDescent="0.25">
      <c r="B30" s="3">
        <v>28</v>
      </c>
      <c r="C30" s="2" t="s">
        <v>42</v>
      </c>
      <c r="D30" s="2" t="s">
        <v>41</v>
      </c>
    </row>
    <row r="31" spans="2:4" ht="50.25" customHeight="1" x14ac:dyDescent="0.25">
      <c r="B31" s="3">
        <v>29</v>
      </c>
      <c r="C31" s="3" t="s">
        <v>26</v>
      </c>
      <c r="D31" s="3" t="s">
        <v>28</v>
      </c>
    </row>
    <row r="32" spans="2:4" ht="55.5" customHeight="1" x14ac:dyDescent="0.25">
      <c r="B32" s="3">
        <v>30</v>
      </c>
      <c r="C32" s="3" t="s">
        <v>15</v>
      </c>
      <c r="D32" s="2" t="s">
        <v>27</v>
      </c>
    </row>
    <row r="33" spans="2:4" ht="122.25" customHeight="1" x14ac:dyDescent="0.25">
      <c r="B33" s="3">
        <v>31</v>
      </c>
      <c r="C33" s="3" t="s">
        <v>29</v>
      </c>
      <c r="D33" s="3"/>
    </row>
    <row r="34" spans="2:4" ht="100.5" customHeight="1" x14ac:dyDescent="0.25">
      <c r="B34" s="3">
        <v>32</v>
      </c>
      <c r="C34" s="2" t="s">
        <v>40</v>
      </c>
      <c r="D34" s="3" t="s">
        <v>37</v>
      </c>
    </row>
    <row r="35" spans="2:4" ht="60" customHeight="1" x14ac:dyDescent="0.25">
      <c r="B35" s="3">
        <v>33</v>
      </c>
      <c r="C35" s="2" t="s">
        <v>33</v>
      </c>
      <c r="D35" s="2" t="s">
        <v>30</v>
      </c>
    </row>
    <row r="36" spans="2:4" ht="34.5" customHeight="1" x14ac:dyDescent="0.25">
      <c r="B36" s="3">
        <v>34</v>
      </c>
      <c r="C36" s="3" t="s">
        <v>31</v>
      </c>
      <c r="D36" s="3" t="s">
        <v>36</v>
      </c>
    </row>
    <row r="37" spans="2:4" ht="60" x14ac:dyDescent="0.25">
      <c r="B37" s="3">
        <v>35</v>
      </c>
      <c r="C37" s="2" t="s">
        <v>32</v>
      </c>
      <c r="D37" s="2" t="s">
        <v>35</v>
      </c>
    </row>
    <row r="38" spans="2:4" ht="25.5" customHeight="1" x14ac:dyDescent="0.25">
      <c r="B38" s="3">
        <v>36</v>
      </c>
      <c r="C38" s="3" t="s">
        <v>34</v>
      </c>
      <c r="D38" s="3" t="s">
        <v>38</v>
      </c>
    </row>
  </sheetData>
  <pageMargins left="0.7" right="0.7" top="0.75" bottom="0.75" header="0.3" footer="0.3"/>
  <pageSetup paperSize="9" orientation="portrait" r:id="rId1"/>
  <drawing r:id="rId2"/>
  <legacyDrawing r:id="rId3"/>
  <oleObjects>
    <mc:AlternateContent xmlns:mc="http://schemas.openxmlformats.org/markup-compatibility/2006">
      <mc:Choice Requires="x14">
        <oleObject progId="Document" dvAspect="DVASPECT_ICON" shapeId="1025" r:id="rId4">
          <objectPr defaultSize="0" r:id="rId5">
            <anchor moveWithCells="1">
              <from>
                <xdr:col>3</xdr:col>
                <xdr:colOff>514350</xdr:colOff>
                <xdr:row>17</xdr:row>
                <xdr:rowOff>228600</xdr:rowOff>
              </from>
              <to>
                <xdr:col>3</xdr:col>
                <xdr:colOff>1428750</xdr:colOff>
                <xdr:row>17</xdr:row>
                <xdr:rowOff>914400</xdr:rowOff>
              </to>
            </anchor>
          </objectPr>
        </oleObject>
      </mc:Choice>
      <mc:Fallback>
        <oleObject progId="Document" dvAspect="DVASPECT_ICON" shapeId="1025" r:id="rId4"/>
      </mc:Fallback>
    </mc:AlternateContent>
    <mc:AlternateContent xmlns:mc="http://schemas.openxmlformats.org/markup-compatibility/2006">
      <mc:Choice Requires="x14">
        <oleObject progId="Worksheet" dvAspect="DVASPECT_ICON" shapeId="1026" r:id="rId6">
          <objectPr defaultSize="0" r:id="rId7">
            <anchor moveWithCells="1">
              <from>
                <xdr:col>3</xdr:col>
                <xdr:colOff>1323975</xdr:colOff>
                <xdr:row>26</xdr:row>
                <xdr:rowOff>76200</xdr:rowOff>
              </from>
              <to>
                <xdr:col>3</xdr:col>
                <xdr:colOff>2238375</xdr:colOff>
                <xdr:row>26</xdr:row>
                <xdr:rowOff>762000</xdr:rowOff>
              </to>
            </anchor>
          </objectPr>
        </oleObject>
      </mc:Choice>
      <mc:Fallback>
        <oleObject progId="Worksheet" dvAspect="DVASPECT_ICON" shapeId="1026" r:id="rId6"/>
      </mc:Fallback>
    </mc:AlternateContent>
    <mc:AlternateContent xmlns:mc="http://schemas.openxmlformats.org/markup-compatibility/2006">
      <mc:Choice Requires="x14">
        <oleObject progId="Worksheet" dvAspect="DVASPECT_ICON" shapeId="1027" r:id="rId8">
          <objectPr defaultSize="0" autoPict="0" r:id="rId9">
            <anchor moveWithCells="1">
              <from>
                <xdr:col>3</xdr:col>
                <xdr:colOff>733425</xdr:colOff>
                <xdr:row>18</xdr:row>
                <xdr:rowOff>323850</xdr:rowOff>
              </from>
              <to>
                <xdr:col>3</xdr:col>
                <xdr:colOff>1581150</xdr:colOff>
                <xdr:row>18</xdr:row>
                <xdr:rowOff>1009650</xdr:rowOff>
              </to>
            </anchor>
          </objectPr>
        </oleObject>
      </mc:Choice>
      <mc:Fallback>
        <oleObject progId="Worksheet" dvAspect="DVASPECT_ICON" shapeId="1027" r:id="rId8"/>
      </mc:Fallback>
    </mc:AlternateContent>
    <mc:AlternateContent xmlns:mc="http://schemas.openxmlformats.org/markup-compatibility/2006">
      <mc:Choice Requires="x14">
        <oleObject progId="Worksheet" dvAspect="DVASPECT_ICON" shapeId="1028" r:id="rId10">
          <objectPr defaultSize="0" autoPict="0" r:id="rId11">
            <anchor moveWithCells="1">
              <from>
                <xdr:col>3</xdr:col>
                <xdr:colOff>504825</xdr:colOff>
                <xdr:row>32</xdr:row>
                <xdr:rowOff>228600</xdr:rowOff>
              </from>
              <to>
                <xdr:col>3</xdr:col>
                <xdr:colOff>2152650</xdr:colOff>
                <xdr:row>32</xdr:row>
                <xdr:rowOff>1466850</xdr:rowOff>
              </to>
            </anchor>
          </objectPr>
        </oleObject>
      </mc:Choice>
      <mc:Fallback>
        <oleObject progId="Worksheet" dvAspect="DVASPECT_ICON" shapeId="1028" r:id="rId10"/>
      </mc:Fallback>
    </mc:AlternateContent>
    <mc:AlternateContent xmlns:mc="http://schemas.openxmlformats.org/markup-compatibility/2006">
      <mc:Choice Requires="x14">
        <oleObject progId="Worksheet" dvAspect="DVASPECT_ICON" shapeId="1029" r:id="rId12">
          <objectPr defaultSize="0" autoPict="0" r:id="rId13">
            <anchor moveWithCells="1">
              <from>
                <xdr:col>3</xdr:col>
                <xdr:colOff>1390650</xdr:colOff>
                <xdr:row>20</xdr:row>
                <xdr:rowOff>1419225</xdr:rowOff>
              </from>
              <to>
                <xdr:col>3</xdr:col>
                <xdr:colOff>3057525</xdr:colOff>
                <xdr:row>20</xdr:row>
                <xdr:rowOff>2676525</xdr:rowOff>
              </to>
            </anchor>
          </objectPr>
        </oleObject>
      </mc:Choice>
      <mc:Fallback>
        <oleObject progId="Worksheet" dvAspect="DVASPECT_ICON" shapeId="1029" r:id="rId12"/>
      </mc:Fallback>
    </mc:AlternateContent>
  </oleObject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1</vt:lpstr>
    </vt:vector>
  </TitlesOfParts>
  <Company>SAR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Zamo Latha</dc:creator>
  <cp:lastModifiedBy>Zamo Latha</cp:lastModifiedBy>
  <dcterms:created xsi:type="dcterms:W3CDTF">2022-05-19T11:49:56Z</dcterms:created>
  <dcterms:modified xsi:type="dcterms:W3CDTF">2022-05-20T11:10:04Z</dcterms:modified>
</cp:coreProperties>
</file>